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6年度\01_ワーク\"/>
    </mc:Choice>
  </mc:AlternateContent>
  <bookViews>
    <workbookView xWindow="0" yWindow="0" windowWidth="20490" windowHeight="7755"/>
  </bookViews>
  <sheets>
    <sheet name="令和７年４月末（出納整理期間）" sheetId="1" r:id="rId1"/>
  </sheets>
  <definedNames>
    <definedName name="_xlnm.Print_Area" localSheetId="0">'令和７年４月末（出納整理期間）'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8" uniqueCount="32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/>
  </si>
  <si>
    <t>皆減</t>
  </si>
  <si>
    <t>令和６年度　県税調定収入状況（令和７年４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K14" sqref="K14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1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91216</v>
      </c>
      <c r="I6" s="11">
        <v>6958</v>
      </c>
      <c r="J6" s="11">
        <v>398174</v>
      </c>
      <c r="K6" s="12">
        <v>104.4</v>
      </c>
      <c r="L6" s="11">
        <v>368040</v>
      </c>
      <c r="M6" s="11">
        <v>2715</v>
      </c>
      <c r="N6" s="11">
        <v>370756</v>
      </c>
      <c r="O6" s="12">
        <v>104.7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14273</v>
      </c>
      <c r="I7" s="11">
        <v>6958</v>
      </c>
      <c r="J7" s="11">
        <v>321231</v>
      </c>
      <c r="K7" s="12">
        <v>96.4</v>
      </c>
      <c r="L7" s="11">
        <v>291098</v>
      </c>
      <c r="M7" s="11">
        <v>2715</v>
      </c>
      <c r="N7" s="11">
        <v>293814</v>
      </c>
      <c r="O7" s="12">
        <v>96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31593</v>
      </c>
      <c r="I8" s="11" t="s">
        <v>29</v>
      </c>
      <c r="J8" s="11">
        <v>31593</v>
      </c>
      <c r="K8" s="12">
        <v>138.1</v>
      </c>
      <c r="L8" s="11">
        <v>31593</v>
      </c>
      <c r="M8" s="11" t="s">
        <v>29</v>
      </c>
      <c r="N8" s="11">
        <v>31593</v>
      </c>
      <c r="O8" s="12">
        <v>138.1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45349</v>
      </c>
      <c r="I9" s="11" t="s">
        <v>29</v>
      </c>
      <c r="J9" s="11">
        <v>45349</v>
      </c>
      <c r="K9" s="12">
        <v>178.8</v>
      </c>
      <c r="L9" s="11">
        <v>45349</v>
      </c>
      <c r="M9" s="11" t="s">
        <v>29</v>
      </c>
      <c r="N9" s="11">
        <v>45349</v>
      </c>
      <c r="O9" s="12">
        <v>178.8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30265</v>
      </c>
      <c r="I10" s="11">
        <v>164</v>
      </c>
      <c r="J10" s="11">
        <v>30429</v>
      </c>
      <c r="K10" s="12">
        <v>114.1</v>
      </c>
      <c r="L10" s="11">
        <v>30185</v>
      </c>
      <c r="M10" s="11">
        <v>47</v>
      </c>
      <c r="N10" s="11">
        <v>30233</v>
      </c>
      <c r="O10" s="12">
        <v>114.1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2168</v>
      </c>
      <c r="I11" s="11" t="s">
        <v>29</v>
      </c>
      <c r="J11" s="11">
        <v>2168</v>
      </c>
      <c r="K11" s="12">
        <v>231.1</v>
      </c>
      <c r="L11" s="11">
        <v>2168</v>
      </c>
      <c r="M11" s="11" t="s">
        <v>29</v>
      </c>
      <c r="N11" s="11">
        <v>2168</v>
      </c>
      <c r="O11" s="12">
        <v>231.1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1048</v>
      </c>
      <c r="I12" s="11">
        <v>475</v>
      </c>
      <c r="J12" s="11">
        <v>21523</v>
      </c>
      <c r="K12" s="12">
        <v>102</v>
      </c>
      <c r="L12" s="11">
        <v>20827</v>
      </c>
      <c r="M12" s="11">
        <v>181</v>
      </c>
      <c r="N12" s="11">
        <v>21009</v>
      </c>
      <c r="O12" s="12">
        <v>102.1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346571</v>
      </c>
      <c r="I13" s="11">
        <v>1286</v>
      </c>
      <c r="J13" s="11">
        <v>347858</v>
      </c>
      <c r="K13" s="12">
        <v>107.2</v>
      </c>
      <c r="L13" s="11">
        <v>346180</v>
      </c>
      <c r="M13" s="11">
        <v>261</v>
      </c>
      <c r="N13" s="11">
        <v>346442</v>
      </c>
      <c r="O13" s="12">
        <v>107.2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477113</v>
      </c>
      <c r="I14" s="11" t="s">
        <v>29</v>
      </c>
      <c r="J14" s="11">
        <v>477113</v>
      </c>
      <c r="K14" s="12">
        <v>112.9</v>
      </c>
      <c r="L14" s="11">
        <v>477113</v>
      </c>
      <c r="M14" s="11" t="s">
        <v>29</v>
      </c>
      <c r="N14" s="11">
        <v>477113</v>
      </c>
      <c r="O14" s="12">
        <v>112.9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37003</v>
      </c>
      <c r="I15" s="11">
        <v>614</v>
      </c>
      <c r="J15" s="11">
        <v>37617</v>
      </c>
      <c r="K15" s="12">
        <v>113.4</v>
      </c>
      <c r="L15" s="11">
        <v>35901</v>
      </c>
      <c r="M15" s="11">
        <v>153</v>
      </c>
      <c r="N15" s="11">
        <v>36054</v>
      </c>
      <c r="O15" s="12">
        <v>113.8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9712</v>
      </c>
      <c r="I16" s="11" t="s">
        <v>29</v>
      </c>
      <c r="J16" s="11">
        <v>9712</v>
      </c>
      <c r="K16" s="12">
        <v>98.9</v>
      </c>
      <c r="L16" s="11">
        <v>9712</v>
      </c>
      <c r="M16" s="11" t="s">
        <v>29</v>
      </c>
      <c r="N16" s="11">
        <v>9712</v>
      </c>
      <c r="O16" s="12">
        <v>98.9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641</v>
      </c>
      <c r="I17" s="11" t="s">
        <v>29</v>
      </c>
      <c r="J17" s="11">
        <v>1641</v>
      </c>
      <c r="K17" s="12">
        <v>101.9</v>
      </c>
      <c r="L17" s="11">
        <v>1641</v>
      </c>
      <c r="M17" s="11" t="s">
        <v>29</v>
      </c>
      <c r="N17" s="11">
        <v>1641</v>
      </c>
      <c r="O17" s="12">
        <v>101.9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9453</v>
      </c>
      <c r="I18" s="11">
        <v>1581</v>
      </c>
      <c r="J18" s="11">
        <v>41034</v>
      </c>
      <c r="K18" s="12">
        <v>99.3</v>
      </c>
      <c r="L18" s="11">
        <v>36351</v>
      </c>
      <c r="M18" s="11">
        <v>1581</v>
      </c>
      <c r="N18" s="11">
        <v>37933</v>
      </c>
      <c r="O18" s="12">
        <v>99.5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11373</v>
      </c>
      <c r="I19" s="11">
        <v>0</v>
      </c>
      <c r="J19" s="11">
        <v>11373</v>
      </c>
      <c r="K19" s="21">
        <v>114.9</v>
      </c>
      <c r="L19" s="11">
        <v>11376</v>
      </c>
      <c r="M19" s="11">
        <v>0</v>
      </c>
      <c r="N19" s="11">
        <v>11376</v>
      </c>
      <c r="O19" s="21">
        <v>114.9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7669</v>
      </c>
      <c r="I20" s="11">
        <v>469</v>
      </c>
      <c r="J20" s="11">
        <v>88139</v>
      </c>
      <c r="K20" s="12">
        <v>98.9</v>
      </c>
      <c r="L20" s="11">
        <v>87429</v>
      </c>
      <c r="M20" s="11">
        <v>172</v>
      </c>
      <c r="N20" s="11">
        <v>87602</v>
      </c>
      <c r="O20" s="12">
        <v>98.9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5</v>
      </c>
      <c r="I21" s="11" t="s">
        <v>29</v>
      </c>
      <c r="J21" s="11">
        <v>15</v>
      </c>
      <c r="K21" s="29">
        <v>103.1</v>
      </c>
      <c r="L21" s="11">
        <v>15</v>
      </c>
      <c r="M21" s="11" t="s">
        <v>29</v>
      </c>
      <c r="N21" s="11">
        <v>15</v>
      </c>
      <c r="O21" s="29">
        <v>103.1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 t="s">
        <v>29</v>
      </c>
      <c r="I22" s="11">
        <v>70</v>
      </c>
      <c r="J22" s="11">
        <v>70</v>
      </c>
      <c r="K22" s="25">
        <v>47.3</v>
      </c>
      <c r="L22" s="26" t="s">
        <v>29</v>
      </c>
      <c r="M22" s="26">
        <v>6</v>
      </c>
      <c r="N22" s="26">
        <v>6</v>
      </c>
      <c r="O22" s="25">
        <v>32.200000000000003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 t="s">
        <v>29</v>
      </c>
      <c r="I23" s="11" t="s">
        <v>29</v>
      </c>
      <c r="J23" s="11" t="s">
        <v>29</v>
      </c>
      <c r="K23" s="29" t="s">
        <v>30</v>
      </c>
      <c r="L23" s="11" t="s">
        <v>29</v>
      </c>
      <c r="M23" s="11" t="s">
        <v>29</v>
      </c>
      <c r="N23" s="11" t="s">
        <v>29</v>
      </c>
      <c r="O23" s="21" t="s">
        <v>30</v>
      </c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455253</v>
      </c>
      <c r="I24" s="11">
        <v>11619</v>
      </c>
      <c r="J24" s="11">
        <v>1466873</v>
      </c>
      <c r="K24" s="12">
        <v>107.6</v>
      </c>
      <c r="L24" s="11">
        <v>1426945</v>
      </c>
      <c r="M24" s="11">
        <v>5120</v>
      </c>
      <c r="N24" s="11">
        <v>1432066</v>
      </c>
      <c r="O24" s="12">
        <v>107.8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７年４月末（出納整理期間）</vt:lpstr>
      <vt:lpstr>'令和７年４月末（出納整理期間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3-14T01:46:08Z</cp:lastPrinted>
  <dcterms:created xsi:type="dcterms:W3CDTF">2021-03-24T00:17:43Z</dcterms:created>
  <dcterms:modified xsi:type="dcterms:W3CDTF">2025-05-16T06:52:44Z</dcterms:modified>
</cp:coreProperties>
</file>